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90979\Desktop\街路灯修繕\05 告示関係\局ＨＰ\03 南地区\"/>
    </mc:Choice>
  </mc:AlternateContent>
  <bookViews>
    <workbookView xWindow="600" yWindow="120" windowWidth="20475" windowHeight="8730"/>
  </bookViews>
  <sheets>
    <sheet name="入札用" sheetId="1" r:id="rId1"/>
  </sheets>
  <definedNames>
    <definedName name="_xlnm._FilterDatabase" localSheetId="0" hidden="1">入札用!$A$2:$H$57</definedName>
    <definedName name="_xlnm.Print_Area" localSheetId="0">入札用!$A$2:$H$57</definedName>
  </definedNames>
  <calcPr calcId="152511"/>
</workbook>
</file>

<file path=xl/calcChain.xml><?xml version="1.0" encoding="utf-8"?>
<calcChain xmlns="http://schemas.openxmlformats.org/spreadsheetml/2006/main">
  <c r="H46" i="1" l="1"/>
  <c r="H47" i="1"/>
  <c r="H39" i="1"/>
  <c r="H40" i="1"/>
  <c r="H12" i="1" l="1"/>
  <c r="H56" i="1" l="1"/>
  <c r="H49" i="1" l="1"/>
  <c r="H15" i="1" l="1"/>
  <c r="H9" i="1"/>
  <c r="H7" i="1" l="1"/>
  <c r="H16" i="1" l="1"/>
  <c r="H17" i="1"/>
  <c r="H18" i="1"/>
  <c r="H30" i="1" l="1"/>
  <c r="H29" i="1"/>
  <c r="H20" i="1"/>
  <c r="H14" i="1"/>
  <c r="H13" i="1"/>
  <c r="H8" i="1" l="1"/>
  <c r="H6" i="1"/>
  <c r="H35" i="1"/>
  <c r="H55" i="1"/>
  <c r="H54" i="1"/>
  <c r="H53" i="1"/>
  <c r="H52" i="1"/>
  <c r="H51" i="1"/>
  <c r="H50" i="1"/>
  <c r="H45" i="1"/>
  <c r="H44" i="1"/>
  <c r="H43" i="1"/>
  <c r="H42" i="1"/>
  <c r="H41" i="1"/>
  <c r="H38" i="1"/>
  <c r="H37" i="1"/>
  <c r="H36" i="1"/>
  <c r="H34" i="1"/>
  <c r="H33" i="1"/>
  <c r="H32" i="1"/>
  <c r="H31" i="1"/>
  <c r="H28" i="1"/>
  <c r="H27" i="1"/>
  <c r="H26" i="1"/>
  <c r="H25" i="1"/>
  <c r="H24" i="1"/>
  <c r="H23" i="1"/>
  <c r="H22" i="1"/>
  <c r="H21" i="1"/>
  <c r="H19" i="1"/>
  <c r="H11" i="1"/>
  <c r="H10" i="1"/>
  <c r="H5" i="1"/>
  <c r="H4" i="1"/>
  <c r="H48" i="1"/>
  <c r="H57" i="1" l="1"/>
</calcChain>
</file>

<file path=xl/comments1.xml><?xml version="1.0" encoding="utf-8"?>
<comments xmlns="http://schemas.openxmlformats.org/spreadsheetml/2006/main">
  <authors>
    <author>林　知欣</author>
  </authors>
  <commentList>
    <comment ref="A2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通し番号</t>
        </r>
      </text>
    </comment>
    <comment ref="B2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削除した単価番号は欠番</t>
        </r>
      </text>
    </comment>
  </commentList>
</comments>
</file>

<file path=xl/sharedStrings.xml><?xml version="1.0" encoding="utf-8"?>
<sst xmlns="http://schemas.openxmlformats.org/spreadsheetml/2006/main" count="168" uniqueCount="83">
  <si>
    <t>工種</t>
    <rPh sb="0" eb="2">
      <t>コウシュ</t>
    </rPh>
    <phoneticPr fontId="1"/>
  </si>
  <si>
    <t>単位</t>
    <rPh sb="0" eb="2">
      <t>タンイ</t>
    </rPh>
    <phoneticPr fontId="1"/>
  </si>
  <si>
    <t>予定数量</t>
    <rPh sb="0" eb="2">
      <t>ヨテイ</t>
    </rPh>
    <rPh sb="2" eb="4">
      <t>スウリョウ</t>
    </rPh>
    <phoneticPr fontId="1"/>
  </si>
  <si>
    <t>名称</t>
    <rPh sb="0" eb="2">
      <t>メイショウ</t>
    </rPh>
    <phoneticPr fontId="1"/>
  </si>
  <si>
    <t>型式</t>
    <rPh sb="0" eb="2">
      <t>カタシキ</t>
    </rPh>
    <phoneticPr fontId="1"/>
  </si>
  <si>
    <t>高圧ﾅﾄﾘｳﾑﾗﾝﾌﾟ取替</t>
    <rPh sb="0" eb="2">
      <t>コウアツ</t>
    </rPh>
    <rPh sb="11" eb="13">
      <t>トリカエ</t>
    </rPh>
    <phoneticPr fontId="2"/>
  </si>
  <si>
    <t>ｾﾗﾐｯｸﾒﾀﾙﾊﾗｲﾄﾞﾗﾝﾌﾟ取替</t>
    <rPh sb="17" eb="19">
      <t>トリカエ</t>
    </rPh>
    <phoneticPr fontId="2"/>
  </si>
  <si>
    <t>安定器取替（高圧ﾅﾄﾘｳﾑ）</t>
    <rPh sb="0" eb="3">
      <t>アンテイキ</t>
    </rPh>
    <rPh sb="3" eb="5">
      <t>トリカエ</t>
    </rPh>
    <rPh sb="6" eb="8">
      <t>コウアツ</t>
    </rPh>
    <phoneticPr fontId="2"/>
  </si>
  <si>
    <t>NH　７０W</t>
  </si>
  <si>
    <t>札幌市開発型 NH　７５W　</t>
  </si>
  <si>
    <t>CMＦ １１０Ｗ</t>
  </si>
  <si>
    <t>FLR－４０</t>
  </si>
  <si>
    <t>２００Ｖ／１０Ａ</t>
  </si>
  <si>
    <t>１１０Ｖ／２２０Ｖ　２Ｐ２Ｅ</t>
  </si>
  <si>
    <t>本</t>
    <rPh sb="0" eb="1">
      <t>ホン</t>
    </rPh>
    <phoneticPr fontId="1"/>
  </si>
  <si>
    <t>箇所</t>
    <rPh sb="0" eb="2">
      <t>カショ</t>
    </rPh>
    <phoneticPr fontId="1"/>
  </si>
  <si>
    <t>合計　（＝入札書の金額に一致）</t>
    <rPh sb="0" eb="2">
      <t>ゴウケイ</t>
    </rPh>
    <rPh sb="5" eb="7">
      <t>ニュウサツ</t>
    </rPh>
    <rPh sb="7" eb="8">
      <t>ショ</t>
    </rPh>
    <rPh sb="9" eb="10">
      <t>キン</t>
    </rPh>
    <rPh sb="10" eb="11">
      <t>ガク</t>
    </rPh>
    <rPh sb="12" eb="14">
      <t>イッチ</t>
    </rPh>
    <phoneticPr fontId="1"/>
  </si>
  <si>
    <t>単価(円）
（税抜）</t>
    <rPh sb="0" eb="2">
      <t>タンカ</t>
    </rPh>
    <rPh sb="3" eb="4">
      <t>エン</t>
    </rPh>
    <rPh sb="7" eb="9">
      <t>ゼイヌキ</t>
    </rPh>
    <phoneticPr fontId="1"/>
  </si>
  <si>
    <t>金額（円）
（税抜）</t>
    <rPh sb="0" eb="2">
      <t>キンガク</t>
    </rPh>
    <rPh sb="3" eb="4">
      <t>エン</t>
    </rPh>
    <rPh sb="7" eb="9">
      <t>ゼイヌキ</t>
    </rPh>
    <phoneticPr fontId="1"/>
  </si>
  <si>
    <t>NH　１１０W　（長寿命型）</t>
    <rPh sb="9" eb="10">
      <t>チョウ</t>
    </rPh>
    <rPh sb="10" eb="12">
      <t>ジュミョウ</t>
    </rPh>
    <rPh sb="12" eb="13">
      <t>カタ</t>
    </rPh>
    <phoneticPr fontId="2"/>
  </si>
  <si>
    <t>NH　１８０W　（長寿命型）</t>
    <rPh sb="9" eb="10">
      <t>チョウ</t>
    </rPh>
    <rPh sb="10" eb="12">
      <t>ジュミョウ</t>
    </rPh>
    <rPh sb="12" eb="13">
      <t>カタ</t>
    </rPh>
    <phoneticPr fontId="2"/>
  </si>
  <si>
    <t>NH　２２０W　（長寿命型）</t>
    <rPh sb="9" eb="10">
      <t>チョウ</t>
    </rPh>
    <rPh sb="10" eb="12">
      <t>ジュミョウ</t>
    </rPh>
    <rPh sb="12" eb="13">
      <t>カタ</t>
    </rPh>
    <phoneticPr fontId="2"/>
  </si>
  <si>
    <t>札幌市開発型 NH１１０W（長寿命型） 　</t>
  </si>
  <si>
    <t>ＮＨ　７０W　高力率１００Ｖ</t>
    <rPh sb="7" eb="8">
      <t>コウ</t>
    </rPh>
    <rPh sb="8" eb="10">
      <t>リキリツ</t>
    </rPh>
    <phoneticPr fontId="2"/>
  </si>
  <si>
    <t>CMF　１１０Ｗ　高力率２００Ｖ</t>
  </si>
  <si>
    <t>高圧ﾅﾄﾘｳﾑﾗﾝﾌﾟ取替
安定器取替</t>
    <rPh sb="0" eb="2">
      <t>コウアツ</t>
    </rPh>
    <rPh sb="11" eb="13">
      <t>トリカエ</t>
    </rPh>
    <rPh sb="14" eb="17">
      <t>アンテイキ</t>
    </rPh>
    <rPh sb="17" eb="19">
      <t>トリカエ</t>
    </rPh>
    <phoneticPr fontId="2"/>
  </si>
  <si>
    <t>ｾﾗﾐｯｸﾒﾀﾙﾊﾗｲﾄﾞﾗﾝﾌﾟ取替
安定器取替</t>
    <rPh sb="20" eb="23">
      <t>アンテイキ</t>
    </rPh>
    <rPh sb="23" eb="25">
      <t>トリカエ</t>
    </rPh>
    <phoneticPr fontId="2"/>
  </si>
  <si>
    <t>単独柱・共架式アーム型</t>
    <rPh sb="0" eb="2">
      <t>タンドク</t>
    </rPh>
    <rPh sb="2" eb="3">
      <t>チュウ</t>
    </rPh>
    <rPh sb="4" eb="5">
      <t>キョウ</t>
    </rPh>
    <rPh sb="5" eb="6">
      <t>カ</t>
    </rPh>
    <rPh sb="6" eb="7">
      <t>シキ</t>
    </rPh>
    <rPh sb="10" eb="11">
      <t>カタ</t>
    </rPh>
    <phoneticPr fontId="2"/>
  </si>
  <si>
    <t>共架式アームレス型</t>
    <rPh sb="0" eb="1">
      <t>キョウ</t>
    </rPh>
    <rPh sb="1" eb="2">
      <t>カ</t>
    </rPh>
    <rPh sb="2" eb="3">
      <t>シキ</t>
    </rPh>
    <rPh sb="8" eb="9">
      <t>カタ</t>
    </rPh>
    <phoneticPr fontId="2"/>
  </si>
  <si>
    <t>蛍光ランプﾟ取替</t>
  </si>
  <si>
    <t>ＦＬ４０　低力率100V</t>
    <rPh sb="5" eb="6">
      <t>テイ</t>
    </rPh>
    <rPh sb="6" eb="7">
      <t>リキ</t>
    </rPh>
    <rPh sb="7" eb="8">
      <t>リツ</t>
    </rPh>
    <phoneticPr fontId="2"/>
  </si>
  <si>
    <t>自動点滅器取替</t>
    <rPh sb="0" eb="2">
      <t>ジドウ</t>
    </rPh>
    <rPh sb="2" eb="4">
      <t>テンメツ</t>
    </rPh>
    <rPh sb="4" eb="5">
      <t>キ</t>
    </rPh>
    <rPh sb="5" eb="7">
      <t>トリカエ</t>
    </rPh>
    <phoneticPr fontId="2"/>
  </si>
  <si>
    <t>安全ブレーカ取替</t>
    <rPh sb="0" eb="2">
      <t>アンゼン</t>
    </rPh>
    <rPh sb="6" eb="8">
      <t>トリカエ</t>
    </rPh>
    <phoneticPr fontId="2"/>
  </si>
  <si>
    <t>街路灯撤去・取付</t>
    <rPh sb="0" eb="3">
      <t>ガイロトウ</t>
    </rPh>
    <rPh sb="3" eb="5">
      <t>テッキョ</t>
    </rPh>
    <rPh sb="6" eb="7">
      <t>ト</t>
    </rPh>
    <rPh sb="7" eb="8">
      <t>ツ</t>
    </rPh>
    <phoneticPr fontId="2"/>
  </si>
  <si>
    <t>共架式アーム型（再利用あり）</t>
    <rPh sb="0" eb="2">
      <t>キョウガ</t>
    </rPh>
    <rPh sb="2" eb="3">
      <t>シキ</t>
    </rPh>
    <rPh sb="6" eb="7">
      <t>カタ</t>
    </rPh>
    <phoneticPr fontId="2"/>
  </si>
  <si>
    <t>街路灯撤去</t>
    <rPh sb="0" eb="3">
      <t>ガイロトウ</t>
    </rPh>
    <rPh sb="3" eb="5">
      <t>テッキョ</t>
    </rPh>
    <phoneticPr fontId="2"/>
  </si>
  <si>
    <t>街路灯取付</t>
    <rPh sb="0" eb="3">
      <t>ガイロトウ</t>
    </rPh>
    <rPh sb="3" eb="5">
      <t>トリツケ</t>
    </rPh>
    <phoneticPr fontId="2"/>
  </si>
  <si>
    <t>共架式アームレス型（再利用あり）</t>
    <rPh sb="0" eb="1">
      <t>キョウ</t>
    </rPh>
    <rPh sb="1" eb="2">
      <t>カ</t>
    </rPh>
    <rPh sb="2" eb="3">
      <t>シキ</t>
    </rPh>
    <rPh sb="8" eb="9">
      <t>カタ</t>
    </rPh>
    <rPh sb="10" eb="13">
      <t>サイリヨウ</t>
    </rPh>
    <phoneticPr fontId="2"/>
  </si>
  <si>
    <t>不点調査補修</t>
    <rPh sb="0" eb="1">
      <t>フ</t>
    </rPh>
    <rPh sb="1" eb="2">
      <t>テン</t>
    </rPh>
    <rPh sb="2" eb="4">
      <t>チョウサ</t>
    </rPh>
    <rPh sb="4" eb="6">
      <t>ホシュウ</t>
    </rPh>
    <phoneticPr fontId="2"/>
  </si>
  <si>
    <t>単独柱撤去</t>
    <rPh sb="0" eb="2">
      <t>タンドク</t>
    </rPh>
    <rPh sb="2" eb="3">
      <t>チュウ</t>
    </rPh>
    <rPh sb="3" eb="5">
      <t>テッキョ</t>
    </rPh>
    <phoneticPr fontId="2"/>
  </si>
  <si>
    <t>GL：12m以下、重量：350kg以下</t>
    <rPh sb="6" eb="8">
      <t>イカ</t>
    </rPh>
    <rPh sb="9" eb="11">
      <t>ジュウリョウ</t>
    </rPh>
    <rPh sb="17" eb="19">
      <t>イカ</t>
    </rPh>
    <phoneticPr fontId="2"/>
  </si>
  <si>
    <t>GL：12m以下、重量：350kg超～1000kg以下</t>
    <rPh sb="6" eb="8">
      <t>イカ</t>
    </rPh>
    <rPh sb="9" eb="11">
      <t>ジュウリョウ</t>
    </rPh>
    <rPh sb="17" eb="18">
      <t>チョウ</t>
    </rPh>
    <rPh sb="25" eb="27">
      <t>イカ</t>
    </rPh>
    <phoneticPr fontId="2"/>
  </si>
  <si>
    <t>管理番号札取付</t>
    <rPh sb="0" eb="2">
      <t>カンリ</t>
    </rPh>
    <rPh sb="2" eb="4">
      <t>バンゴウ</t>
    </rPh>
    <rPh sb="4" eb="5">
      <t>フダ</t>
    </rPh>
    <rPh sb="5" eb="7">
      <t>トリツケ</t>
    </rPh>
    <phoneticPr fontId="2"/>
  </si>
  <si>
    <t>回</t>
    <rPh sb="0" eb="1">
      <t>カイ</t>
    </rPh>
    <phoneticPr fontId="1"/>
  </si>
  <si>
    <t>ｔ</t>
    <phoneticPr fontId="1"/>
  </si>
  <si>
    <t>ＮＨ　７０W　高力率２００Ｖ</t>
  </si>
  <si>
    <t>ＮＨ　１８０W　（長寿命型）
　　　〃　　高力率１００Ｖ</t>
  </si>
  <si>
    <t>整理№</t>
    <rPh sb="0" eb="2">
      <t>セイリ</t>
    </rPh>
    <phoneticPr fontId="1"/>
  </si>
  <si>
    <t>単価№</t>
    <rPh sb="0" eb="2">
      <t>タンカ</t>
    </rPh>
    <phoneticPr fontId="1"/>
  </si>
  <si>
    <t>CMF　１１０Ｗ
　　　〃　　高力率２００Ｖ</t>
  </si>
  <si>
    <t>ＮＨ　７０W
　　　〃　　高力率１００Ｖ</t>
  </si>
  <si>
    <t>ＮＨ　１１０W　（長寿命型）
　　　〃　　高力率１００Ｖ</t>
  </si>
  <si>
    <t>ＮＨ　１１０W　（長寿命型）
　　　〃　　高力率２００Ｖ</t>
  </si>
  <si>
    <t>ＮＨ　１８０W　（長寿命型）
　　　〃　　高力率２００Ｖ</t>
  </si>
  <si>
    <t>ＮＨ　２２０W　（長寿命型）
　　　〃　　高力率２００Ｖ</t>
  </si>
  <si>
    <t>安定器取替（蛍光ランプ）</t>
    <rPh sb="0" eb="3">
      <t>アンテイキ</t>
    </rPh>
    <rPh sb="3" eb="5">
      <t>トリカエ</t>
    </rPh>
    <rPh sb="6" eb="8">
      <t>ケイコウ</t>
    </rPh>
    <phoneticPr fontId="2"/>
  </si>
  <si>
    <t>引込線移設</t>
    <rPh sb="0" eb="2">
      <t>ヒキコミ</t>
    </rPh>
    <rPh sb="2" eb="3">
      <t>セン</t>
    </rPh>
    <rPh sb="3" eb="5">
      <t>イセツ</t>
    </rPh>
    <phoneticPr fontId="2"/>
  </si>
  <si>
    <t>8m㎡×2C</t>
  </si>
  <si>
    <t>高圧ﾅﾄﾘｳﾑﾗﾝﾌﾟ取替</t>
  </si>
  <si>
    <t>安定器取替（ｾﾗﾐｯｸﾒﾀﾙﾊﾗｲﾄﾞ）</t>
  </si>
  <si>
    <t>ＮＨ　１１０W　高力率１００Ｖ</t>
  </si>
  <si>
    <t>ＮＨ　１８０W　高力率１００Ｖ</t>
  </si>
  <si>
    <t>ＮＨ　１１０W　高力率２００Ｖ</t>
  </si>
  <si>
    <t>ＮＨ　１８０W　高力率２００Ｖ</t>
  </si>
  <si>
    <t>ＮＨ　２２０W　高力率２００Ｖ</t>
  </si>
  <si>
    <t>ＬＥＤライトバルブ</t>
  </si>
  <si>
    <t>ＨＦ100Ｗ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ＨＦ200Ｗ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ＨＦ250Ｗ相当 電源装置含む</t>
    <rPh sb="6" eb="8">
      <t>ソウトウ</t>
    </rPh>
    <rPh sb="9" eb="11">
      <t>デンゲン</t>
    </rPh>
    <rPh sb="11" eb="13">
      <t>ソウチ</t>
    </rPh>
    <rPh sb="13" eb="14">
      <t>フク</t>
    </rPh>
    <phoneticPr fontId="2"/>
  </si>
  <si>
    <t>共架式アーム型（再利用なし）</t>
  </si>
  <si>
    <t>共架式アーム型（再利用あり）</t>
    <rPh sb="9" eb="11">
      <t>リヨウ</t>
    </rPh>
    <phoneticPr fontId="2"/>
  </si>
  <si>
    <t>共架式アーム型（アーム600型　材料込）</t>
    <rPh sb="14" eb="15">
      <t>ガタ</t>
    </rPh>
    <rPh sb="16" eb="18">
      <t>ザイリョウ</t>
    </rPh>
    <rPh sb="18" eb="19">
      <t>コ</t>
    </rPh>
    <phoneticPr fontId="2"/>
  </si>
  <si>
    <t>共架式アーム型（アーム1200型　材料込）</t>
    <rPh sb="15" eb="16">
      <t>ガタ</t>
    </rPh>
    <rPh sb="17" eb="19">
      <t>ザイリョウ</t>
    </rPh>
    <rPh sb="19" eb="20">
      <t>コ</t>
    </rPh>
    <phoneticPr fontId="2"/>
  </si>
  <si>
    <t>共架式アームレス型（再利用なし）</t>
  </si>
  <si>
    <t>共架式アームレス型（再利用あり）</t>
  </si>
  <si>
    <t>共架式アームレス型（アームレス40型　材料込）</t>
    <rPh sb="17" eb="18">
      <t>ガタ</t>
    </rPh>
    <rPh sb="19" eb="21">
      <t>ザイリョウ</t>
    </rPh>
    <rPh sb="21" eb="22">
      <t>コ</t>
    </rPh>
    <phoneticPr fontId="2"/>
  </si>
  <si>
    <t>共架式アームレス型（アームレス60型　材料込）</t>
    <rPh sb="17" eb="18">
      <t>ガタ</t>
    </rPh>
    <rPh sb="19" eb="21">
      <t>ザイリョウ</t>
    </rPh>
    <rPh sb="21" eb="22">
      <t>コ</t>
    </rPh>
    <phoneticPr fontId="2"/>
  </si>
  <si>
    <t>建設副産物処理</t>
    <rPh sb="0" eb="2">
      <t>ケンセツ</t>
    </rPh>
    <rPh sb="2" eb="5">
      <t>フクサンブツ</t>
    </rPh>
    <rPh sb="5" eb="7">
      <t>ショリ</t>
    </rPh>
    <phoneticPr fontId="7"/>
  </si>
  <si>
    <t>産廃灯具（安定器除く）1ｔ当り</t>
    <rPh sb="0" eb="2">
      <t>サンパイ</t>
    </rPh>
    <rPh sb="2" eb="4">
      <t>トウグ</t>
    </rPh>
    <rPh sb="5" eb="8">
      <t>アンテイキ</t>
    </rPh>
    <rPh sb="8" eb="9">
      <t>ノゾ</t>
    </rPh>
    <rPh sb="13" eb="14">
      <t>ア</t>
    </rPh>
    <phoneticPr fontId="7"/>
  </si>
  <si>
    <t>安定器1ｔ当り</t>
    <rPh sb="0" eb="3">
      <t>アンテイキ</t>
    </rPh>
    <rPh sb="5" eb="6">
      <t>ア</t>
    </rPh>
    <phoneticPr fontId="7"/>
  </si>
  <si>
    <t>蛍光管類1ｔ当り</t>
    <rPh sb="0" eb="2">
      <t>ケイコウ</t>
    </rPh>
    <rPh sb="2" eb="3">
      <t>カン</t>
    </rPh>
    <rPh sb="3" eb="4">
      <t>ルイ</t>
    </rPh>
    <rPh sb="6" eb="7">
      <t>ア</t>
    </rPh>
    <phoneticPr fontId="7"/>
  </si>
  <si>
    <t>現場発生品運搬</t>
    <rPh sb="0" eb="2">
      <t>ゲンバ</t>
    </rPh>
    <rPh sb="2" eb="4">
      <t>ハッセイ</t>
    </rPh>
    <rPh sb="4" eb="5">
      <t>シナ</t>
    </rPh>
    <rPh sb="5" eb="7">
      <t>ウンパン</t>
    </rPh>
    <phoneticPr fontId="7"/>
  </si>
  <si>
    <t>5.0ｋｍ以下、2ｔトラック使用、2.0ｔ以下、1回当り</t>
    <rPh sb="5" eb="7">
      <t>イカ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&quot;円&quot;;\-#,##0&quot;円&quot;"/>
    <numFmt numFmtId="177" formatCode="#,##0_ "/>
  </numFmts>
  <fonts count="10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4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9"/>
      <color indexed="81"/>
      <name val="ＭＳ Ｐゴシック"/>
      <family val="3"/>
      <charset val="128"/>
    </font>
    <font>
      <sz val="16"/>
      <color indexed="8"/>
      <name val="ＭＳ Ｐゴシック"/>
      <family val="3"/>
      <charset val="128"/>
    </font>
    <font>
      <sz val="9"/>
      <color theme="1"/>
      <name val="ＭＳ Ｐゴシック"/>
      <family val="2"/>
      <charset val="128"/>
      <scheme val="minor"/>
    </font>
    <font>
      <sz val="9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58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>
      <alignment vertical="center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5" xfId="0" applyBorder="1" applyAlignment="1">
      <alignment horizontal="center" vertical="center"/>
    </xf>
    <xf numFmtId="0" fontId="0" fillId="0" borderId="5" xfId="0" applyBorder="1" applyAlignment="1">
      <alignment horizontal="center" vertical="center" shrinkToFit="1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176" fontId="0" fillId="0" borderId="13" xfId="0" applyNumberFormat="1" applyBorder="1">
      <alignment vertical="center"/>
    </xf>
    <xf numFmtId="176" fontId="3" fillId="0" borderId="3" xfId="0" applyNumberFormat="1" applyFont="1" applyBorder="1">
      <alignment vertical="center"/>
    </xf>
    <xf numFmtId="0" fontId="0" fillId="0" borderId="5" xfId="0" applyBorder="1" applyAlignment="1">
      <alignment horizontal="center" vertical="center"/>
    </xf>
    <xf numFmtId="176" fontId="0" fillId="0" borderId="6" xfId="0" applyNumberFormat="1" applyBorder="1">
      <alignment vertical="center"/>
    </xf>
    <xf numFmtId="0" fontId="0" fillId="0" borderId="5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0" xfId="0" applyAlignment="1">
      <alignment vertical="center" shrinkToFit="1"/>
    </xf>
    <xf numFmtId="0" fontId="0" fillId="0" borderId="0" xfId="0" applyAlignment="1">
      <alignment vertical="center"/>
    </xf>
    <xf numFmtId="0" fontId="0" fillId="0" borderId="5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5" fillId="0" borderId="10" xfId="0" applyFont="1" applyBorder="1" applyAlignment="1">
      <alignment horizontal="center" vertical="center" wrapText="1"/>
    </xf>
    <xf numFmtId="0" fontId="8" fillId="0" borderId="1" xfId="0" applyFont="1" applyBorder="1" applyAlignment="1">
      <alignment horizontal="center" vertical="center"/>
    </xf>
    <xf numFmtId="0" fontId="9" fillId="0" borderId="1" xfId="0" applyFont="1" applyBorder="1" applyAlignment="1">
      <alignment vertical="center"/>
    </xf>
    <xf numFmtId="0" fontId="9" fillId="0" borderId="4" xfId="0" applyFont="1" applyBorder="1" applyAlignment="1">
      <alignment horizontal="center" vertical="center"/>
    </xf>
    <xf numFmtId="0" fontId="9" fillId="0" borderId="4" xfId="0" applyFont="1" applyBorder="1" applyAlignment="1">
      <alignment vertical="center"/>
    </xf>
    <xf numFmtId="0" fontId="9" fillId="0" borderId="1" xfId="0" applyFont="1" applyFill="1" applyBorder="1" applyAlignment="1">
      <alignment vertical="center"/>
    </xf>
    <xf numFmtId="0" fontId="9" fillId="0" borderId="1" xfId="0" applyFont="1" applyFill="1" applyBorder="1" applyAlignment="1">
      <alignment horizontal="center" vertical="center"/>
    </xf>
    <xf numFmtId="0" fontId="9" fillId="0" borderId="1" xfId="0" applyFont="1" applyBorder="1" applyAlignment="1">
      <alignment vertical="center" wrapText="1"/>
    </xf>
    <xf numFmtId="0" fontId="9" fillId="0" borderId="1" xfId="0" applyFont="1" applyFill="1" applyBorder="1" applyAlignment="1">
      <alignment horizontal="center" vertical="center" wrapText="1"/>
    </xf>
    <xf numFmtId="0" fontId="9" fillId="0" borderId="1" xfId="0" applyFont="1" applyFill="1" applyBorder="1" applyAlignment="1">
      <alignment vertical="center" shrinkToFit="1"/>
    </xf>
    <xf numFmtId="0" fontId="9" fillId="0" borderId="10" xfId="0" applyFont="1" applyFill="1" applyBorder="1" applyAlignment="1">
      <alignment horizontal="center" vertical="center"/>
    </xf>
    <xf numFmtId="0" fontId="9" fillId="0" borderId="10" xfId="0" applyFont="1" applyFill="1" applyBorder="1" applyAlignment="1">
      <alignment vertical="center" shrinkToFit="1"/>
    </xf>
    <xf numFmtId="0" fontId="5" fillId="0" borderId="10" xfId="0" applyFont="1" applyBorder="1" applyAlignment="1">
      <alignment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1" xfId="0" applyFont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0" fontId="0" fillId="0" borderId="5" xfId="0" applyBorder="1" applyAlignment="1">
      <alignment horizontal="center" vertical="center"/>
    </xf>
    <xf numFmtId="177" fontId="0" fillId="0" borderId="13" xfId="0" applyNumberFormat="1" applyBorder="1">
      <alignment vertical="center"/>
    </xf>
    <xf numFmtId="177" fontId="0" fillId="0" borderId="6" xfId="0" applyNumberFormat="1" applyBorder="1">
      <alignment vertical="center"/>
    </xf>
    <xf numFmtId="177" fontId="0" fillId="0" borderId="15" xfId="0" applyNumberFormat="1" applyBorder="1">
      <alignment vertical="center"/>
    </xf>
    <xf numFmtId="177" fontId="0" fillId="0" borderId="8" xfId="0" applyNumberFormat="1" applyBorder="1">
      <alignment vertical="center"/>
    </xf>
    <xf numFmtId="0" fontId="4" fillId="0" borderId="4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 wrapText="1"/>
    </xf>
    <xf numFmtId="0" fontId="0" fillId="0" borderId="1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0" fillId="0" borderId="4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H58"/>
  <sheetViews>
    <sheetView tabSelected="1" view="pageBreakPreview" zoomScaleNormal="70" zoomScaleSheetLayoutView="100" workbookViewId="0">
      <selection activeCell="M37" sqref="M36:M37"/>
    </sheetView>
  </sheetViews>
  <sheetFormatPr defaultRowHeight="15.75" customHeight="1" x14ac:dyDescent="0.15"/>
  <cols>
    <col min="1" max="2" width="3.875" customWidth="1"/>
    <col min="3" max="3" width="28.75" style="9" bestFit="1" customWidth="1"/>
    <col min="4" max="4" width="26.75" style="8" bestFit="1" customWidth="1"/>
    <col min="5" max="5" width="5.25" bestFit="1" customWidth="1"/>
    <col min="6" max="6" width="10.375" customWidth="1"/>
    <col min="7" max="7" width="6.125" customWidth="1"/>
    <col min="8" max="8" width="15.875" customWidth="1"/>
  </cols>
  <sheetData>
    <row r="1" spans="1:8" s="16" customFormat="1" ht="49.5" customHeight="1" x14ac:dyDescent="0.15">
      <c r="C1" s="19"/>
      <c r="D1" s="18"/>
    </row>
    <row r="2" spans="1:8" ht="18.95" customHeight="1" x14ac:dyDescent="0.15">
      <c r="A2" s="46" t="s">
        <v>47</v>
      </c>
      <c r="B2" s="46" t="s">
        <v>48</v>
      </c>
      <c r="C2" s="52" t="s">
        <v>0</v>
      </c>
      <c r="D2" s="53"/>
      <c r="E2" s="54" t="s">
        <v>1</v>
      </c>
      <c r="F2" s="48" t="s">
        <v>17</v>
      </c>
      <c r="G2" s="56" t="s">
        <v>2</v>
      </c>
      <c r="H2" s="48" t="s">
        <v>18</v>
      </c>
    </row>
    <row r="3" spans="1:8" ht="18.95" customHeight="1" thickBot="1" x14ac:dyDescent="0.2">
      <c r="A3" s="47"/>
      <c r="B3" s="47"/>
      <c r="C3" s="2" t="s">
        <v>3</v>
      </c>
      <c r="D3" s="7" t="s">
        <v>4</v>
      </c>
      <c r="E3" s="55"/>
      <c r="F3" s="49"/>
      <c r="G3" s="57"/>
      <c r="H3" s="49"/>
    </row>
    <row r="4" spans="1:8" ht="18.95" customHeight="1" x14ac:dyDescent="0.15">
      <c r="A4" s="1">
        <v>1</v>
      </c>
      <c r="B4" s="17">
        <v>1</v>
      </c>
      <c r="C4" s="26" t="s">
        <v>5</v>
      </c>
      <c r="D4" s="27" t="s">
        <v>8</v>
      </c>
      <c r="E4" s="6" t="s">
        <v>15</v>
      </c>
      <c r="F4" s="42"/>
      <c r="G4" s="5">
        <v>3</v>
      </c>
      <c r="H4" s="10">
        <f t="shared" ref="H4:H27" si="0">ROUNDDOWN(F4*G4,0)</f>
        <v>0</v>
      </c>
    </row>
    <row r="5" spans="1:8" ht="18.95" customHeight="1" x14ac:dyDescent="0.15">
      <c r="A5" s="17">
        <v>2</v>
      </c>
      <c r="B5" s="17">
        <v>2</v>
      </c>
      <c r="C5" s="28" t="s">
        <v>58</v>
      </c>
      <c r="D5" s="29" t="s">
        <v>19</v>
      </c>
      <c r="E5" s="6" t="s">
        <v>15</v>
      </c>
      <c r="F5" s="43"/>
      <c r="G5" s="3">
        <v>6</v>
      </c>
      <c r="H5" s="10">
        <f t="shared" si="0"/>
        <v>0</v>
      </c>
    </row>
    <row r="6" spans="1:8" ht="18.95" customHeight="1" x14ac:dyDescent="0.15">
      <c r="A6" s="17">
        <v>3</v>
      </c>
      <c r="B6" s="17">
        <v>3</v>
      </c>
      <c r="C6" s="28" t="s">
        <v>58</v>
      </c>
      <c r="D6" s="27" t="s">
        <v>20</v>
      </c>
      <c r="E6" s="6" t="s">
        <v>15</v>
      </c>
      <c r="F6" s="43"/>
      <c r="G6" s="3">
        <v>7</v>
      </c>
      <c r="H6" s="10">
        <f>ROUNDDOWN(F6*G6,0)</f>
        <v>0</v>
      </c>
    </row>
    <row r="7" spans="1:8" ht="18.95" customHeight="1" x14ac:dyDescent="0.15">
      <c r="A7" s="17">
        <v>4</v>
      </c>
      <c r="B7" s="17">
        <v>4</v>
      </c>
      <c r="C7" s="28" t="s">
        <v>58</v>
      </c>
      <c r="D7" s="27" t="s">
        <v>21</v>
      </c>
      <c r="E7" s="6" t="s">
        <v>15</v>
      </c>
      <c r="F7" s="43"/>
      <c r="G7" s="3">
        <v>1</v>
      </c>
      <c r="H7" s="10">
        <f t="shared" si="0"/>
        <v>0</v>
      </c>
    </row>
    <row r="8" spans="1:8" ht="18.95" customHeight="1" x14ac:dyDescent="0.15">
      <c r="A8" s="17">
        <v>5</v>
      </c>
      <c r="B8" s="17">
        <v>6</v>
      </c>
      <c r="C8" s="28" t="s">
        <v>58</v>
      </c>
      <c r="D8" s="30" t="s">
        <v>9</v>
      </c>
      <c r="E8" s="6" t="s">
        <v>15</v>
      </c>
      <c r="F8" s="43"/>
      <c r="G8" s="3">
        <v>35</v>
      </c>
      <c r="H8" s="10">
        <f>ROUNDDOWN(F8*G8,0)</f>
        <v>0</v>
      </c>
    </row>
    <row r="9" spans="1:8" s="16" customFormat="1" ht="18.95" customHeight="1" x14ac:dyDescent="0.15">
      <c r="A9" s="17">
        <v>6</v>
      </c>
      <c r="B9" s="17">
        <v>7</v>
      </c>
      <c r="C9" s="28" t="s">
        <v>58</v>
      </c>
      <c r="D9" s="30" t="s">
        <v>22</v>
      </c>
      <c r="E9" s="20" t="s">
        <v>15</v>
      </c>
      <c r="F9" s="43"/>
      <c r="G9" s="3">
        <v>1</v>
      </c>
      <c r="H9" s="10">
        <f>ROUNDDOWN(F9*G9,0)</f>
        <v>0</v>
      </c>
    </row>
    <row r="10" spans="1:8" ht="18.95" customHeight="1" x14ac:dyDescent="0.15">
      <c r="A10" s="17">
        <v>7</v>
      </c>
      <c r="B10" s="17">
        <v>8</v>
      </c>
      <c r="C10" s="31" t="s">
        <v>6</v>
      </c>
      <c r="D10" s="30" t="s">
        <v>10</v>
      </c>
      <c r="E10" s="6" t="s">
        <v>15</v>
      </c>
      <c r="F10" s="43"/>
      <c r="G10" s="3">
        <v>2</v>
      </c>
      <c r="H10" s="10">
        <f t="shared" si="0"/>
        <v>0</v>
      </c>
    </row>
    <row r="11" spans="1:8" ht="18.95" customHeight="1" x14ac:dyDescent="0.15">
      <c r="A11" s="17">
        <v>8</v>
      </c>
      <c r="B11" s="17">
        <v>16</v>
      </c>
      <c r="C11" s="31" t="s">
        <v>7</v>
      </c>
      <c r="D11" s="30" t="s">
        <v>23</v>
      </c>
      <c r="E11" s="6" t="s">
        <v>15</v>
      </c>
      <c r="F11" s="43"/>
      <c r="G11" s="3">
        <v>1</v>
      </c>
      <c r="H11" s="10">
        <f t="shared" si="0"/>
        <v>0</v>
      </c>
    </row>
    <row r="12" spans="1:8" ht="18.95" customHeight="1" x14ac:dyDescent="0.15">
      <c r="A12" s="17">
        <v>9</v>
      </c>
      <c r="B12" s="17">
        <v>17</v>
      </c>
      <c r="C12" s="31" t="s">
        <v>7</v>
      </c>
      <c r="D12" s="30" t="s">
        <v>60</v>
      </c>
      <c r="E12" s="23" t="s">
        <v>15</v>
      </c>
      <c r="F12" s="43"/>
      <c r="G12" s="3">
        <v>1</v>
      </c>
      <c r="H12" s="10">
        <f t="shared" ref="H12" si="1">ROUNDDOWN(F12*G12,0)</f>
        <v>0</v>
      </c>
    </row>
    <row r="13" spans="1:8" ht="18.95" customHeight="1" x14ac:dyDescent="0.15">
      <c r="A13" s="17">
        <v>10</v>
      </c>
      <c r="B13" s="17">
        <v>18</v>
      </c>
      <c r="C13" s="31" t="s">
        <v>7</v>
      </c>
      <c r="D13" s="30" t="s">
        <v>61</v>
      </c>
      <c r="E13" s="15" t="s">
        <v>15</v>
      </c>
      <c r="F13" s="43"/>
      <c r="G13" s="3">
        <v>1</v>
      </c>
      <c r="H13" s="10">
        <f t="shared" si="0"/>
        <v>0</v>
      </c>
    </row>
    <row r="14" spans="1:8" ht="18.95" customHeight="1" x14ac:dyDescent="0.15">
      <c r="A14" s="17">
        <v>11</v>
      </c>
      <c r="B14" s="17">
        <v>19</v>
      </c>
      <c r="C14" s="31" t="s">
        <v>7</v>
      </c>
      <c r="D14" s="30" t="s">
        <v>45</v>
      </c>
      <c r="E14" s="15" t="s">
        <v>15</v>
      </c>
      <c r="F14" s="43"/>
      <c r="G14" s="3">
        <v>1</v>
      </c>
      <c r="H14" s="10">
        <f>ROUNDDOWN(F14*G14,0)</f>
        <v>0</v>
      </c>
    </row>
    <row r="15" spans="1:8" s="16" customFormat="1" ht="18.95" customHeight="1" x14ac:dyDescent="0.15">
      <c r="A15" s="17">
        <v>12</v>
      </c>
      <c r="B15" s="17">
        <v>20</v>
      </c>
      <c r="C15" s="31" t="s">
        <v>7</v>
      </c>
      <c r="D15" s="30" t="s">
        <v>62</v>
      </c>
      <c r="E15" s="20" t="s">
        <v>15</v>
      </c>
      <c r="F15" s="43"/>
      <c r="G15" s="3">
        <v>1</v>
      </c>
      <c r="H15" s="10">
        <f>ROUNDDOWN(F15*G15,0)</f>
        <v>0</v>
      </c>
    </row>
    <row r="16" spans="1:8" ht="18.95" customHeight="1" x14ac:dyDescent="0.15">
      <c r="A16" s="17">
        <v>13</v>
      </c>
      <c r="B16" s="17">
        <v>21</v>
      </c>
      <c r="C16" s="31" t="s">
        <v>7</v>
      </c>
      <c r="D16" s="30" t="s">
        <v>63</v>
      </c>
      <c r="E16" s="6" t="s">
        <v>15</v>
      </c>
      <c r="F16" s="43"/>
      <c r="G16" s="3">
        <v>1</v>
      </c>
      <c r="H16" s="10">
        <f t="shared" si="0"/>
        <v>0</v>
      </c>
    </row>
    <row r="17" spans="1:8" ht="18.95" customHeight="1" x14ac:dyDescent="0.15">
      <c r="A17" s="17">
        <v>14</v>
      </c>
      <c r="B17" s="17">
        <v>22</v>
      </c>
      <c r="C17" s="31" t="s">
        <v>7</v>
      </c>
      <c r="D17" s="30" t="s">
        <v>64</v>
      </c>
      <c r="E17" s="6" t="s">
        <v>15</v>
      </c>
      <c r="F17" s="43"/>
      <c r="G17" s="3">
        <v>1</v>
      </c>
      <c r="H17" s="10">
        <f t="shared" si="0"/>
        <v>0</v>
      </c>
    </row>
    <row r="18" spans="1:8" ht="18.95" customHeight="1" x14ac:dyDescent="0.15">
      <c r="A18" s="17">
        <v>15</v>
      </c>
      <c r="B18" s="17">
        <v>27</v>
      </c>
      <c r="C18" s="31" t="s">
        <v>59</v>
      </c>
      <c r="D18" s="30" t="s">
        <v>24</v>
      </c>
      <c r="E18" s="6" t="s">
        <v>15</v>
      </c>
      <c r="F18" s="43"/>
      <c r="G18" s="3">
        <v>1</v>
      </c>
      <c r="H18" s="10">
        <f t="shared" si="0"/>
        <v>0</v>
      </c>
    </row>
    <row r="19" spans="1:8" ht="18.95" customHeight="1" x14ac:dyDescent="0.15">
      <c r="A19" s="17">
        <v>16</v>
      </c>
      <c r="B19" s="17">
        <v>34</v>
      </c>
      <c r="C19" s="25" t="s">
        <v>25</v>
      </c>
      <c r="D19" s="37" t="s">
        <v>50</v>
      </c>
      <c r="E19" s="12" t="s">
        <v>15</v>
      </c>
      <c r="F19" s="43"/>
      <c r="G19" s="3">
        <v>1</v>
      </c>
      <c r="H19" s="10">
        <f t="shared" si="0"/>
        <v>0</v>
      </c>
    </row>
    <row r="20" spans="1:8" ht="18.95" customHeight="1" x14ac:dyDescent="0.15">
      <c r="A20" s="17">
        <v>17</v>
      </c>
      <c r="B20" s="17">
        <v>35</v>
      </c>
      <c r="C20" s="38" t="s">
        <v>25</v>
      </c>
      <c r="D20" s="39" t="s">
        <v>51</v>
      </c>
      <c r="E20" s="15" t="s">
        <v>15</v>
      </c>
      <c r="F20" s="43"/>
      <c r="G20" s="3">
        <v>2</v>
      </c>
      <c r="H20" s="10">
        <f>ROUNDDOWN(F20*G20,0)</f>
        <v>0</v>
      </c>
    </row>
    <row r="21" spans="1:8" ht="18.95" customHeight="1" x14ac:dyDescent="0.15">
      <c r="A21" s="17">
        <v>18</v>
      </c>
      <c r="B21" s="17">
        <v>36</v>
      </c>
      <c r="C21" s="38" t="s">
        <v>25</v>
      </c>
      <c r="D21" s="39" t="s">
        <v>46</v>
      </c>
      <c r="E21" s="12" t="s">
        <v>15</v>
      </c>
      <c r="F21" s="43"/>
      <c r="G21" s="3">
        <v>2</v>
      </c>
      <c r="H21" s="10">
        <f t="shared" si="0"/>
        <v>0</v>
      </c>
    </row>
    <row r="22" spans="1:8" ht="18.95" customHeight="1" x14ac:dyDescent="0.15">
      <c r="A22" s="17">
        <v>19</v>
      </c>
      <c r="B22" s="17">
        <v>37</v>
      </c>
      <c r="C22" s="38" t="s">
        <v>25</v>
      </c>
      <c r="D22" s="40" t="s">
        <v>52</v>
      </c>
      <c r="E22" s="12" t="s">
        <v>15</v>
      </c>
      <c r="F22" s="43"/>
      <c r="G22" s="3">
        <v>5</v>
      </c>
      <c r="H22" s="10">
        <f t="shared" si="0"/>
        <v>0</v>
      </c>
    </row>
    <row r="23" spans="1:8" ht="18.95" customHeight="1" x14ac:dyDescent="0.15">
      <c r="A23" s="17">
        <v>20</v>
      </c>
      <c r="B23" s="17">
        <v>38</v>
      </c>
      <c r="C23" s="38" t="s">
        <v>25</v>
      </c>
      <c r="D23" s="40" t="s">
        <v>53</v>
      </c>
      <c r="E23" s="12" t="s">
        <v>15</v>
      </c>
      <c r="F23" s="43"/>
      <c r="G23" s="3">
        <v>6</v>
      </c>
      <c r="H23" s="10">
        <f t="shared" si="0"/>
        <v>0</v>
      </c>
    </row>
    <row r="24" spans="1:8" ht="18.95" customHeight="1" x14ac:dyDescent="0.15">
      <c r="A24" s="17">
        <v>21</v>
      </c>
      <c r="B24" s="17">
        <v>39</v>
      </c>
      <c r="C24" s="38" t="s">
        <v>25</v>
      </c>
      <c r="D24" s="40" t="s">
        <v>54</v>
      </c>
      <c r="E24" s="12" t="s">
        <v>15</v>
      </c>
      <c r="F24" s="43"/>
      <c r="G24" s="3">
        <v>1</v>
      </c>
      <c r="H24" s="10">
        <f t="shared" si="0"/>
        <v>0</v>
      </c>
    </row>
    <row r="25" spans="1:8" ht="18.95" customHeight="1" x14ac:dyDescent="0.15">
      <c r="A25" s="17">
        <v>22</v>
      </c>
      <c r="B25" s="17">
        <v>41</v>
      </c>
      <c r="C25" s="38" t="s">
        <v>26</v>
      </c>
      <c r="D25" s="39" t="s">
        <v>49</v>
      </c>
      <c r="E25" s="12" t="s">
        <v>15</v>
      </c>
      <c r="F25" s="43"/>
      <c r="G25" s="3">
        <v>2</v>
      </c>
      <c r="H25" s="10">
        <f t="shared" si="0"/>
        <v>0</v>
      </c>
    </row>
    <row r="26" spans="1:8" ht="18.95" customHeight="1" x14ac:dyDescent="0.15">
      <c r="A26" s="17">
        <v>23</v>
      </c>
      <c r="B26" s="17">
        <v>50</v>
      </c>
      <c r="C26" s="26" t="s">
        <v>29</v>
      </c>
      <c r="D26" s="32" t="s">
        <v>11</v>
      </c>
      <c r="E26" s="12" t="s">
        <v>15</v>
      </c>
      <c r="F26" s="43"/>
      <c r="G26" s="3">
        <v>1</v>
      </c>
      <c r="H26" s="10">
        <f t="shared" si="0"/>
        <v>0</v>
      </c>
    </row>
    <row r="27" spans="1:8" ht="18.95" customHeight="1" x14ac:dyDescent="0.15">
      <c r="A27" s="17">
        <v>24</v>
      </c>
      <c r="B27" s="17">
        <v>57</v>
      </c>
      <c r="C27" s="31" t="s">
        <v>65</v>
      </c>
      <c r="D27" s="30" t="s">
        <v>66</v>
      </c>
      <c r="E27" s="12" t="s">
        <v>15</v>
      </c>
      <c r="F27" s="43"/>
      <c r="G27" s="3">
        <v>1</v>
      </c>
      <c r="H27" s="10">
        <f t="shared" si="0"/>
        <v>0</v>
      </c>
    </row>
    <row r="28" spans="1:8" ht="18.95" customHeight="1" x14ac:dyDescent="0.15">
      <c r="A28" s="17">
        <v>25</v>
      </c>
      <c r="B28" s="17">
        <v>58</v>
      </c>
      <c r="C28" s="31" t="s">
        <v>65</v>
      </c>
      <c r="D28" s="30" t="s">
        <v>67</v>
      </c>
      <c r="E28" s="12" t="s">
        <v>15</v>
      </c>
      <c r="F28" s="43"/>
      <c r="G28" s="3">
        <v>1</v>
      </c>
      <c r="H28" s="10">
        <f t="shared" ref="H28:H47" si="2">ROUNDDOWN(F28*G28,0)</f>
        <v>0</v>
      </c>
    </row>
    <row r="29" spans="1:8" ht="18.95" customHeight="1" x14ac:dyDescent="0.15">
      <c r="A29" s="17">
        <v>26</v>
      </c>
      <c r="B29" s="17">
        <v>59</v>
      </c>
      <c r="C29" s="31" t="s">
        <v>65</v>
      </c>
      <c r="D29" s="30" t="s">
        <v>68</v>
      </c>
      <c r="E29" s="15" t="s">
        <v>15</v>
      </c>
      <c r="F29" s="43"/>
      <c r="G29" s="3">
        <v>1</v>
      </c>
      <c r="H29" s="10">
        <f t="shared" si="2"/>
        <v>0</v>
      </c>
    </row>
    <row r="30" spans="1:8" ht="18.95" customHeight="1" x14ac:dyDescent="0.15">
      <c r="A30" s="17">
        <v>27</v>
      </c>
      <c r="B30" s="17">
        <v>60</v>
      </c>
      <c r="C30" s="26" t="s">
        <v>55</v>
      </c>
      <c r="D30" s="32" t="s">
        <v>30</v>
      </c>
      <c r="E30" s="15" t="s">
        <v>15</v>
      </c>
      <c r="F30" s="43"/>
      <c r="G30" s="3">
        <v>1</v>
      </c>
      <c r="H30" s="10">
        <f t="shared" si="2"/>
        <v>0</v>
      </c>
    </row>
    <row r="31" spans="1:8" ht="18.95" customHeight="1" x14ac:dyDescent="0.15">
      <c r="A31" s="17">
        <v>28</v>
      </c>
      <c r="B31" s="17">
        <v>62</v>
      </c>
      <c r="C31" s="33" t="s">
        <v>31</v>
      </c>
      <c r="D31" s="34" t="s">
        <v>12</v>
      </c>
      <c r="E31" s="12" t="s">
        <v>15</v>
      </c>
      <c r="F31" s="43"/>
      <c r="G31" s="3">
        <v>2</v>
      </c>
      <c r="H31" s="10">
        <f t="shared" si="2"/>
        <v>0</v>
      </c>
    </row>
    <row r="32" spans="1:8" ht="18.95" customHeight="1" x14ac:dyDescent="0.15">
      <c r="A32" s="17">
        <v>29</v>
      </c>
      <c r="B32" s="17">
        <v>65</v>
      </c>
      <c r="C32" s="31" t="s">
        <v>32</v>
      </c>
      <c r="D32" s="34" t="s">
        <v>13</v>
      </c>
      <c r="E32" s="12" t="s">
        <v>15</v>
      </c>
      <c r="F32" s="43"/>
      <c r="G32" s="3">
        <v>1</v>
      </c>
      <c r="H32" s="10">
        <f t="shared" si="2"/>
        <v>0</v>
      </c>
    </row>
    <row r="33" spans="1:8" ht="18.95" customHeight="1" x14ac:dyDescent="0.15">
      <c r="A33" s="17">
        <v>30</v>
      </c>
      <c r="B33" s="17">
        <v>66</v>
      </c>
      <c r="C33" s="31" t="s">
        <v>56</v>
      </c>
      <c r="D33" s="34" t="s">
        <v>57</v>
      </c>
      <c r="E33" s="12" t="s">
        <v>15</v>
      </c>
      <c r="F33" s="43"/>
      <c r="G33" s="3">
        <v>1</v>
      </c>
      <c r="H33" s="10">
        <f t="shared" si="2"/>
        <v>0</v>
      </c>
    </row>
    <row r="34" spans="1:8" ht="18.95" customHeight="1" x14ac:dyDescent="0.15">
      <c r="A34" s="17">
        <v>31</v>
      </c>
      <c r="B34" s="17">
        <v>69</v>
      </c>
      <c r="C34" s="31" t="s">
        <v>33</v>
      </c>
      <c r="D34" s="34" t="s">
        <v>34</v>
      </c>
      <c r="E34" s="12" t="s">
        <v>15</v>
      </c>
      <c r="F34" s="43"/>
      <c r="G34" s="3">
        <v>1</v>
      </c>
      <c r="H34" s="10">
        <f t="shared" si="2"/>
        <v>0</v>
      </c>
    </row>
    <row r="35" spans="1:8" ht="18.95" customHeight="1" x14ac:dyDescent="0.15">
      <c r="A35" s="17">
        <v>32</v>
      </c>
      <c r="B35" s="17">
        <v>70</v>
      </c>
      <c r="C35" s="31" t="s">
        <v>33</v>
      </c>
      <c r="D35" s="34" t="s">
        <v>69</v>
      </c>
      <c r="E35" s="12" t="s">
        <v>15</v>
      </c>
      <c r="F35" s="43"/>
      <c r="G35" s="3">
        <v>10</v>
      </c>
      <c r="H35" s="10">
        <f>ROUNDDOWN(F35*G35,0)</f>
        <v>0</v>
      </c>
    </row>
    <row r="36" spans="1:8" ht="18.95" customHeight="1" x14ac:dyDescent="0.15">
      <c r="A36" s="17">
        <v>33</v>
      </c>
      <c r="B36" s="17">
        <v>71</v>
      </c>
      <c r="C36" s="31" t="s">
        <v>35</v>
      </c>
      <c r="D36" s="34" t="s">
        <v>70</v>
      </c>
      <c r="E36" s="12" t="s">
        <v>15</v>
      </c>
      <c r="F36" s="43"/>
      <c r="G36" s="3">
        <v>1</v>
      </c>
      <c r="H36" s="10">
        <f t="shared" si="2"/>
        <v>0</v>
      </c>
    </row>
    <row r="37" spans="1:8" ht="18.95" customHeight="1" x14ac:dyDescent="0.15">
      <c r="A37" s="17">
        <v>34</v>
      </c>
      <c r="B37" s="17">
        <v>72</v>
      </c>
      <c r="C37" s="31" t="s">
        <v>35</v>
      </c>
      <c r="D37" s="34" t="s">
        <v>69</v>
      </c>
      <c r="E37" s="12" t="s">
        <v>15</v>
      </c>
      <c r="F37" s="43"/>
      <c r="G37" s="3">
        <v>1</v>
      </c>
      <c r="H37" s="10">
        <f t="shared" si="2"/>
        <v>0</v>
      </c>
    </row>
    <row r="38" spans="1:8" ht="18.95" customHeight="1" x14ac:dyDescent="0.15">
      <c r="A38" s="17">
        <v>35</v>
      </c>
      <c r="B38" s="17">
        <v>73</v>
      </c>
      <c r="C38" s="31" t="s">
        <v>36</v>
      </c>
      <c r="D38" s="34" t="s">
        <v>69</v>
      </c>
      <c r="E38" s="6" t="s">
        <v>15</v>
      </c>
      <c r="F38" s="43"/>
      <c r="G38" s="3">
        <v>5</v>
      </c>
      <c r="H38" s="10">
        <f t="shared" si="2"/>
        <v>0</v>
      </c>
    </row>
    <row r="39" spans="1:8" ht="18.95" customHeight="1" x14ac:dyDescent="0.15">
      <c r="A39" s="17">
        <v>36</v>
      </c>
      <c r="B39" s="17">
        <v>74</v>
      </c>
      <c r="C39" s="31" t="s">
        <v>36</v>
      </c>
      <c r="D39" s="34" t="s">
        <v>71</v>
      </c>
      <c r="E39" s="24" t="s">
        <v>15</v>
      </c>
      <c r="F39" s="43"/>
      <c r="G39" s="3">
        <v>1</v>
      </c>
      <c r="H39" s="10">
        <f t="shared" si="2"/>
        <v>0</v>
      </c>
    </row>
    <row r="40" spans="1:8" ht="18.95" customHeight="1" x14ac:dyDescent="0.15">
      <c r="A40" s="17">
        <v>37</v>
      </c>
      <c r="B40" s="17">
        <v>75</v>
      </c>
      <c r="C40" s="31" t="s">
        <v>36</v>
      </c>
      <c r="D40" s="34" t="s">
        <v>72</v>
      </c>
      <c r="E40" s="24" t="s">
        <v>15</v>
      </c>
      <c r="F40" s="43"/>
      <c r="G40" s="3">
        <v>1</v>
      </c>
      <c r="H40" s="10">
        <f t="shared" si="2"/>
        <v>0</v>
      </c>
    </row>
    <row r="41" spans="1:8" ht="18.95" customHeight="1" x14ac:dyDescent="0.15">
      <c r="A41" s="17">
        <v>38</v>
      </c>
      <c r="B41" s="17">
        <v>76</v>
      </c>
      <c r="C41" s="35" t="s">
        <v>33</v>
      </c>
      <c r="D41" s="34" t="s">
        <v>37</v>
      </c>
      <c r="E41" s="6" t="s">
        <v>15</v>
      </c>
      <c r="F41" s="43"/>
      <c r="G41" s="3">
        <v>2</v>
      </c>
      <c r="H41" s="10">
        <f t="shared" si="2"/>
        <v>0</v>
      </c>
    </row>
    <row r="42" spans="1:8" ht="18.95" customHeight="1" x14ac:dyDescent="0.15">
      <c r="A42" s="17">
        <v>39</v>
      </c>
      <c r="B42" s="17">
        <v>77</v>
      </c>
      <c r="C42" s="35" t="s">
        <v>33</v>
      </c>
      <c r="D42" s="34" t="s">
        <v>73</v>
      </c>
      <c r="E42" s="6" t="s">
        <v>15</v>
      </c>
      <c r="F42" s="43"/>
      <c r="G42" s="3">
        <v>55</v>
      </c>
      <c r="H42" s="10">
        <f t="shared" si="2"/>
        <v>0</v>
      </c>
    </row>
    <row r="43" spans="1:8" ht="18.95" customHeight="1" x14ac:dyDescent="0.15">
      <c r="A43" s="17">
        <v>40</v>
      </c>
      <c r="B43" s="17">
        <v>78</v>
      </c>
      <c r="C43" s="35" t="s">
        <v>35</v>
      </c>
      <c r="D43" s="34" t="s">
        <v>74</v>
      </c>
      <c r="E43" s="6" t="s">
        <v>15</v>
      </c>
      <c r="F43" s="43"/>
      <c r="G43" s="3">
        <v>1</v>
      </c>
      <c r="H43" s="10">
        <f t="shared" si="2"/>
        <v>0</v>
      </c>
    </row>
    <row r="44" spans="1:8" ht="18.95" customHeight="1" x14ac:dyDescent="0.15">
      <c r="A44" s="17">
        <v>41</v>
      </c>
      <c r="B44" s="17">
        <v>79</v>
      </c>
      <c r="C44" s="35" t="s">
        <v>35</v>
      </c>
      <c r="D44" s="34" t="s">
        <v>73</v>
      </c>
      <c r="E44" s="6" t="s">
        <v>15</v>
      </c>
      <c r="F44" s="43"/>
      <c r="G44" s="3">
        <v>1</v>
      </c>
      <c r="H44" s="10">
        <f t="shared" si="2"/>
        <v>0</v>
      </c>
    </row>
    <row r="45" spans="1:8" ht="18.95" customHeight="1" x14ac:dyDescent="0.15">
      <c r="A45" s="17">
        <v>42</v>
      </c>
      <c r="B45" s="17">
        <v>80</v>
      </c>
      <c r="C45" s="35" t="s">
        <v>36</v>
      </c>
      <c r="D45" s="34" t="s">
        <v>73</v>
      </c>
      <c r="E45" s="6" t="s">
        <v>15</v>
      </c>
      <c r="F45" s="43"/>
      <c r="G45" s="3">
        <v>1</v>
      </c>
      <c r="H45" s="10">
        <f t="shared" si="2"/>
        <v>0</v>
      </c>
    </row>
    <row r="46" spans="1:8" ht="18.95" customHeight="1" x14ac:dyDescent="0.15">
      <c r="A46" s="17">
        <v>43</v>
      </c>
      <c r="B46" s="17">
        <v>81</v>
      </c>
      <c r="C46" s="35" t="s">
        <v>36</v>
      </c>
      <c r="D46" s="34" t="s">
        <v>75</v>
      </c>
      <c r="E46" s="24" t="s">
        <v>15</v>
      </c>
      <c r="F46" s="43"/>
      <c r="G46" s="3">
        <v>1</v>
      </c>
      <c r="H46" s="10">
        <f t="shared" si="2"/>
        <v>0</v>
      </c>
    </row>
    <row r="47" spans="1:8" ht="18.95" customHeight="1" x14ac:dyDescent="0.15">
      <c r="A47" s="17">
        <v>44</v>
      </c>
      <c r="B47" s="17">
        <v>82</v>
      </c>
      <c r="C47" s="35" t="s">
        <v>36</v>
      </c>
      <c r="D47" s="34" t="s">
        <v>76</v>
      </c>
      <c r="E47" s="24" t="s">
        <v>15</v>
      </c>
      <c r="F47" s="43"/>
      <c r="G47" s="3">
        <v>1</v>
      </c>
      <c r="H47" s="10">
        <f t="shared" si="2"/>
        <v>0</v>
      </c>
    </row>
    <row r="48" spans="1:8" ht="18.95" customHeight="1" x14ac:dyDescent="0.15">
      <c r="A48" s="17">
        <v>45</v>
      </c>
      <c r="B48" s="17">
        <v>83</v>
      </c>
      <c r="C48" s="35" t="s">
        <v>38</v>
      </c>
      <c r="D48" s="34" t="s">
        <v>27</v>
      </c>
      <c r="E48" s="6" t="s">
        <v>15</v>
      </c>
      <c r="F48" s="43"/>
      <c r="G48" s="3">
        <v>6</v>
      </c>
      <c r="H48" s="10">
        <f>ROUNDDOWN(F48*G48,0)</f>
        <v>0</v>
      </c>
    </row>
    <row r="49" spans="1:8" ht="18.95" customHeight="1" x14ac:dyDescent="0.15">
      <c r="A49" s="17">
        <v>46</v>
      </c>
      <c r="B49" s="17">
        <v>84</v>
      </c>
      <c r="C49" s="35" t="s">
        <v>38</v>
      </c>
      <c r="D49" s="34" t="s">
        <v>28</v>
      </c>
      <c r="E49" s="21" t="s">
        <v>15</v>
      </c>
      <c r="F49" s="43"/>
      <c r="G49" s="3">
        <v>10</v>
      </c>
      <c r="H49" s="10">
        <f>ROUNDDOWN(F49*G49,0)</f>
        <v>0</v>
      </c>
    </row>
    <row r="50" spans="1:8" s="16" customFormat="1" ht="18.95" customHeight="1" x14ac:dyDescent="0.15">
      <c r="A50" s="17">
        <v>47</v>
      </c>
      <c r="B50" s="17">
        <v>85</v>
      </c>
      <c r="C50" s="31" t="s">
        <v>39</v>
      </c>
      <c r="D50" s="34" t="s">
        <v>40</v>
      </c>
      <c r="E50" s="14" t="s">
        <v>14</v>
      </c>
      <c r="F50" s="43"/>
      <c r="G50" s="3">
        <v>3</v>
      </c>
      <c r="H50" s="10">
        <f t="shared" ref="H50:H54" si="3">ROUNDDOWN(F50*G50,0)</f>
        <v>0</v>
      </c>
    </row>
    <row r="51" spans="1:8" ht="18.95" customHeight="1" x14ac:dyDescent="0.15">
      <c r="A51" s="17">
        <v>48</v>
      </c>
      <c r="B51" s="17">
        <v>86</v>
      </c>
      <c r="C51" s="31" t="s">
        <v>39</v>
      </c>
      <c r="D51" s="36" t="s">
        <v>41</v>
      </c>
      <c r="E51" s="6" t="s">
        <v>14</v>
      </c>
      <c r="F51" s="43"/>
      <c r="G51" s="3">
        <v>2</v>
      </c>
      <c r="H51" s="10">
        <f t="shared" si="3"/>
        <v>0</v>
      </c>
    </row>
    <row r="52" spans="1:8" ht="18.95" customHeight="1" x14ac:dyDescent="0.15">
      <c r="A52" s="17">
        <v>49</v>
      </c>
      <c r="B52" s="17">
        <v>87</v>
      </c>
      <c r="C52" s="31" t="s">
        <v>42</v>
      </c>
      <c r="D52" s="34"/>
      <c r="E52" s="41" t="s">
        <v>15</v>
      </c>
      <c r="F52" s="43"/>
      <c r="G52" s="3">
        <v>70</v>
      </c>
      <c r="H52" s="13">
        <f t="shared" si="3"/>
        <v>0</v>
      </c>
    </row>
    <row r="53" spans="1:8" ht="18.95" customHeight="1" x14ac:dyDescent="0.15">
      <c r="A53" s="17">
        <v>50</v>
      </c>
      <c r="B53" s="17">
        <v>88</v>
      </c>
      <c r="C53" s="31" t="s">
        <v>77</v>
      </c>
      <c r="D53" s="34" t="s">
        <v>78</v>
      </c>
      <c r="E53" s="41" t="s">
        <v>44</v>
      </c>
      <c r="F53" s="43"/>
      <c r="G53" s="3">
        <v>0.36799999999999999</v>
      </c>
      <c r="H53" s="13">
        <f t="shared" si="3"/>
        <v>0</v>
      </c>
    </row>
    <row r="54" spans="1:8" ht="18.95" customHeight="1" x14ac:dyDescent="0.15">
      <c r="A54" s="17">
        <v>51</v>
      </c>
      <c r="B54" s="17">
        <v>89</v>
      </c>
      <c r="C54" s="35" t="s">
        <v>77</v>
      </c>
      <c r="D54" s="36" t="s">
        <v>79</v>
      </c>
      <c r="E54" s="12" t="s">
        <v>44</v>
      </c>
      <c r="F54" s="43"/>
      <c r="G54" s="3">
        <v>0.20100000000000001</v>
      </c>
      <c r="H54" s="10">
        <f t="shared" si="3"/>
        <v>0</v>
      </c>
    </row>
    <row r="55" spans="1:8" ht="18.95" customHeight="1" x14ac:dyDescent="0.15">
      <c r="A55" s="17">
        <v>52</v>
      </c>
      <c r="B55" s="17">
        <v>90</v>
      </c>
      <c r="C55" s="35" t="s">
        <v>77</v>
      </c>
      <c r="D55" s="36" t="s">
        <v>80</v>
      </c>
      <c r="E55" s="12" t="s">
        <v>44</v>
      </c>
      <c r="F55" s="44"/>
      <c r="G55" s="3">
        <v>0.03</v>
      </c>
      <c r="H55" s="10">
        <f>ROUNDDOWN(F55*G55,0)</f>
        <v>0</v>
      </c>
    </row>
    <row r="56" spans="1:8" s="16" customFormat="1" ht="18.95" customHeight="1" thickBot="1" x14ac:dyDescent="0.2">
      <c r="A56" s="17">
        <v>53</v>
      </c>
      <c r="B56" s="17">
        <v>92</v>
      </c>
      <c r="C56" s="31" t="s">
        <v>81</v>
      </c>
      <c r="D56" s="34" t="s">
        <v>82</v>
      </c>
      <c r="E56" s="22" t="s">
        <v>43</v>
      </c>
      <c r="F56" s="45"/>
      <c r="G56" s="3">
        <v>3</v>
      </c>
      <c r="H56" s="10">
        <f t="shared" ref="H56" si="4">ROUNDDOWN(F56*G56,0)</f>
        <v>0</v>
      </c>
    </row>
    <row r="57" spans="1:8" s="16" customFormat="1" ht="18.95" customHeight="1" thickBot="1" x14ac:dyDescent="0.2">
      <c r="A57" s="4"/>
      <c r="B57" s="3"/>
      <c r="C57" s="50" t="s">
        <v>16</v>
      </c>
      <c r="D57" s="50"/>
      <c r="E57" s="50"/>
      <c r="F57" s="51"/>
      <c r="G57" s="50"/>
      <c r="H57" s="11">
        <f>SUM(H4:H56)</f>
        <v>0</v>
      </c>
    </row>
    <row r="58" spans="1:8" ht="18.95" customHeight="1" x14ac:dyDescent="0.15"/>
  </sheetData>
  <autoFilter ref="A2:H57">
    <filterColumn colId="2" showButton="0"/>
  </autoFilter>
  <mergeCells count="8">
    <mergeCell ref="A2:A3"/>
    <mergeCell ref="B2:B3"/>
    <mergeCell ref="H2:H3"/>
    <mergeCell ref="C57:G57"/>
    <mergeCell ref="C2:D2"/>
    <mergeCell ref="E2:E3"/>
    <mergeCell ref="F2:F3"/>
    <mergeCell ref="G2:G3"/>
  </mergeCells>
  <phoneticPr fontId="1"/>
  <pageMargins left="1.299212598425197" right="0.11811023622047245" top="0.78740157480314965" bottom="0.15748031496062992" header="0.31496062992125984" footer="0.31496062992125984"/>
  <pageSetup paperSize="9" scale="87" orientation="portrait" r:id="rId1"/>
  <headerFooter>
    <oddHeader>&amp;C【南地区】単価内訳書</oddHeader>
  </headerFooter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用</vt:lpstr>
      <vt:lpstr>入札用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113.中谷　堂子</cp:lastModifiedBy>
  <cp:lastPrinted>2020-02-07T01:48:15Z</cp:lastPrinted>
  <dcterms:created xsi:type="dcterms:W3CDTF">2015-12-03T01:43:05Z</dcterms:created>
  <dcterms:modified xsi:type="dcterms:W3CDTF">2020-02-07T01:48:17Z</dcterms:modified>
</cp:coreProperties>
</file>